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0"/>
  </p:sldMasterIdLst>
  <p:notesMasterIdLst>
    <p:notesMasterId r:id="rId22"/>
  </p:notesMasterIdLst>
  <p:handoutMasterIdLst>
    <p:handoutMasterId r:id="rId23"/>
  </p:handoutMasterIdLst>
  <p:sldIdLst>
    <p:sldId id="261" r:id="rId21"/>
  </p:sldIdLst>
  <p:sldSz cx="12192000" cy="6858000"/>
  <p:notesSz cx="6858000" cy="9144000"/>
  <p:custDataLst>
    <p:tags r:id="rId24"/>
  </p:custDataLst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6002E"/>
    <a:srgbClr val="ED002E"/>
    <a:srgbClr val="646363"/>
    <a:srgbClr val="9D9D9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3FA45C1-CAA0-4553-83A4-FC9044DF9A94}" v="2" dt="2023-08-10T11:41:54.23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1661" autoAdjust="0"/>
    <p:restoredTop sz="94954" autoAdjust="0"/>
  </p:normalViewPr>
  <p:slideViewPr>
    <p:cSldViewPr snapToGrid="0">
      <p:cViewPr>
        <p:scale>
          <a:sx n="75" d="100"/>
          <a:sy n="75" d="100"/>
        </p:scale>
        <p:origin x="1722" y="1068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65" d="100"/>
          <a:sy n="65" d="100"/>
        </p:scale>
        <p:origin x="3154" y="4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handoutMaster" Target="handoutMasters/handoutMaster1.xml"/><Relationship Id="rId28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notesMaster" Target="notesMasters/notesMaster1.xml"/><Relationship Id="rId27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9EC8DEC0-8A32-43A1-BA05-112829F09DDD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140AC7E2-1702-4EAF-9FCB-9AFA32F16EF4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D7C6C8-3B48-40FE-AE07-9A7B4FBEEFA7}" type="datetimeFigureOut">
              <a:rPr lang="nl-NL" smtClean="0"/>
              <a:t>23-8-2023</a:t>
            </a:fld>
            <a:endParaRPr lang="nl-NL" dirty="0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1EA187C2-C673-4EE6-8B86-D62E0CEF78BC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E4EF8C50-A5BE-499F-8B46-B35D42DB696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188AC2B-DEEC-4141-AEC2-D6E517075CCA}" type="slidenum">
              <a:rPr lang="nl-NL" smtClean="0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339634254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0346EE4-0423-44AC-AE13-05F4902F744A}" type="datetimeFigureOut">
              <a:rPr lang="nl-NL" smtClean="0"/>
              <a:t>23-8-2023</a:t>
            </a:fld>
            <a:endParaRPr lang="nl-NL" dirty="0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 dirty="0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C08F672-13E3-4BCD-A65F-F9D66C29D58F}" type="slidenum">
              <a:rPr lang="nl-NL" smtClean="0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75285837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1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71244517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">
            <a:extLst>
              <a:ext uri="{FF2B5EF4-FFF2-40B4-BE49-F238E27FC236}">
                <a16:creationId xmlns:a16="http://schemas.microsoft.com/office/drawing/2014/main" id="{195C482B-EA63-470A-960E-FCCFB692736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4010" b="1615"/>
          <a:stretch/>
        </p:blipFill>
        <p:spPr>
          <a:xfrm>
            <a:off x="0" y="-1"/>
            <a:ext cx="12192000" cy="6858001"/>
          </a:xfrm>
          <a:prstGeom prst="rect">
            <a:avLst/>
          </a:prstGeom>
        </p:spPr>
      </p:pic>
      <p:pic>
        <p:nvPicPr>
          <p:cNvPr id="1535541407" name="Logo" descr="{&quot;templafy&quot;:{&quot;id&quot;:&quot;f933fdc6-a700-4322-a246-7507d26794e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99600" y="2451600"/>
            <a:ext cx="2401200" cy="2422800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55E4BFCD-CFCF-1CAA-E2C8-13C57AFBE2E9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</a:rPr>
              <a:t>Titelfolie mit Bild</a:t>
            </a:r>
            <a:endParaRPr lang="de-DE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8050395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ohne Untertitel) (manuel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5643FF37-1A23-4A21-9146-7FA347ABF68F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9" name="Thema and date">
            <a:extLst>
              <a:ext uri="{FF2B5EF4-FFF2-40B4-BE49-F238E27FC236}">
                <a16:creationId xmlns:a16="http://schemas.microsoft.com/office/drawing/2014/main" id="{823AF8E3-CDEF-412C-B0B7-1B570B843EF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9CF2C0D7-D0D8-4995-8605-AA1EACB1EB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38345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 dirty="0"/>
              <a:t>Titel 2. Zeile</a:t>
            </a:r>
            <a:br>
              <a:rPr lang="de-CH" noProof="0" dirty="0"/>
            </a:br>
            <a:r>
              <a:rPr lang="de-CH" noProof="0" dirty="0"/>
              <a:t>Titel</a:t>
            </a:r>
          </a:p>
        </p:txBody>
      </p:sp>
      <p:sp>
        <p:nvSpPr>
          <p:cNvPr id="5" name="Name">
            <a:extLst>
              <a:ext uri="{FF2B5EF4-FFF2-40B4-BE49-F238E27FC236}">
                <a16:creationId xmlns:a16="http://schemas.microsoft.com/office/drawing/2014/main" id="{7D18F409-58AF-0F68-C4B1-B8D5C083BA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069200" y="1674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 und Titel</a:t>
            </a:r>
          </a:p>
        </p:txBody>
      </p:sp>
      <p:sp>
        <p:nvSpPr>
          <p:cNvPr id="8" name="Footer 1">
            <a:extLst>
              <a:ext uri="{FF2B5EF4-FFF2-40B4-BE49-F238E27FC236}">
                <a16:creationId xmlns:a16="http://schemas.microsoft.com/office/drawing/2014/main" id="{D6B6B5D7-2AA8-D454-3D59-CFD7F7C29C1B}"/>
              </a:ext>
            </a:extLst>
          </p:cNvPr>
          <p:cNvSpPr txBox="1">
            <a:spLocks/>
          </p:cNvSpPr>
          <p:nvPr userDrawn="1"/>
        </p:nvSpPr>
        <p:spPr>
          <a:xfrm>
            <a:off x="2727068" y="6445905"/>
            <a:ext cx="885456" cy="36490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l-NL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noProof="0" dirty="0">
                <a:latin typeface="+mn-lt"/>
                <a:cs typeface="Arial" panose="020B0604020202020204" pitchFamily="34" charset="0"/>
              </a:rPr>
              <a:t> , Bern</a:t>
            </a:r>
          </a:p>
        </p:txBody>
      </p:sp>
    </p:spTree>
    <p:extLst>
      <p:ext uri="{BB962C8B-B14F-4D97-AF65-F5344CB8AC3E}">
        <p14:creationId xmlns:p14="http://schemas.microsoft.com/office/powerpoint/2010/main" val="200272307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altsverzeichni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">
            <a:extLst>
              <a:ext uri="{FF2B5EF4-FFF2-40B4-BE49-F238E27FC236}">
                <a16:creationId xmlns:a16="http://schemas.microsoft.com/office/drawing/2014/main" id="{4AAC2389-809A-4706-88F3-144310F4571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3" name="Table of 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71880" y="1447800"/>
            <a:ext cx="10515600" cy="4351338"/>
          </a:xfrm>
        </p:spPr>
        <p:txBody>
          <a:bodyPr>
            <a:noAutofit/>
          </a:bodyPr>
          <a:lstStyle>
            <a:lvl1pPr marL="514350" indent="-514350">
              <a:spcAft>
                <a:spcPts val="0"/>
              </a:spcAft>
              <a:buAutoNum type="arabicPeriod"/>
              <a:defRPr sz="2600"/>
            </a:lvl1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5" name="Title">
            <a:extLst>
              <a:ext uri="{FF2B5EF4-FFF2-40B4-BE49-F238E27FC236}">
                <a16:creationId xmlns:a16="http://schemas.microsoft.com/office/drawing/2014/main" id="{40C031B9-4B32-44CE-A145-BFDB0167559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</a:p>
        </p:txBody>
      </p:sp>
    </p:spTree>
    <p:extLst>
      <p:ext uri="{BB962C8B-B14F-4D97-AF65-F5344CB8AC3E}">
        <p14:creationId xmlns:p14="http://schemas.microsoft.com/office/powerpoint/2010/main" val="4107628493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eiten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AF6088A9-5259-4AAF-A028-C07F0D5BFD3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Kapitel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4E48C17-AA22-48E0-9072-4A51F911B4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Kapiteltitel</a:t>
            </a:r>
          </a:p>
        </p:txBody>
      </p:sp>
    </p:spTree>
    <p:extLst>
      <p:ext uri="{BB962C8B-B14F-4D97-AF65-F5344CB8AC3E}">
        <p14:creationId xmlns:p14="http://schemas.microsoft.com/office/powerpoint/2010/main" val="120362938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er 3" descr="{&quot;templafy&quot;:{&quot;id&quot;:&quot;85bb6f07-f461-48b8-9f34-01694ea2ff52&quot;}}">
            <a:extLst>
              <a:ext uri="{FF2B5EF4-FFF2-40B4-BE49-F238E27FC236}">
                <a16:creationId xmlns:a16="http://schemas.microsoft.com/office/drawing/2014/main" id="{F0D790C1-FFED-441B-AB6F-9C2F1B39ECBD}"/>
              </a:ext>
            </a:extLst>
          </p:cNvPr>
          <p:cNvSpPr/>
          <p:nvPr userDrawn="1"/>
        </p:nvSpPr>
        <p:spPr>
          <a:xfrm>
            <a:off x="3797201" y="6444000"/>
            <a:ext cx="7781135" cy="363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endParaRPr lang="de-CH" sz="1200" noProof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0" name="Footer 2" descr="{&quot;templafy&quot;:{&quot;id&quot;:&quot;3067a2a6-bce8-475b-b071-b96cf7baf9c9&quot;}}">
            <a:extLst>
              <a:ext uri="{FF2B5EF4-FFF2-40B4-BE49-F238E27FC236}">
                <a16:creationId xmlns:a16="http://schemas.microsoft.com/office/drawing/2014/main" id="{F6D0C6A7-A5A2-4320-B715-8C80A812796A}"/>
              </a:ext>
            </a:extLst>
          </p:cNvPr>
          <p:cNvSpPr/>
          <p:nvPr userDrawn="1"/>
        </p:nvSpPr>
        <p:spPr>
          <a:xfrm>
            <a:off x="3797201" y="6445305"/>
            <a:ext cx="7781135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 dirty="0">
                <a:solidFill>
                  <a:schemeClr val="bg1"/>
                </a:solidFill>
                <a:latin typeface="+mn-lt"/>
              </a:rPr>
              <a:t>Universität Bern, Abteilung Kommunikation &amp; Marketing</a:t>
            </a:r>
          </a:p>
        </p:txBody>
      </p:sp>
      <p:sp>
        <p:nvSpPr>
          <p:cNvPr id="16" name="Footer 1">
            <a:extLst>
              <a:ext uri="{FF2B5EF4-FFF2-40B4-BE49-F238E27FC236}">
                <a16:creationId xmlns:a16="http://schemas.microsoft.com/office/drawing/2014/main" id="{DCA4313E-7D59-42F8-A19A-282147EDD983}"/>
              </a:ext>
            </a:extLst>
          </p:cNvPr>
          <p:cNvSpPr txBox="1">
            <a:spLocks/>
          </p:cNvSpPr>
          <p:nvPr userDrawn="1"/>
        </p:nvSpPr>
        <p:spPr>
          <a:xfrm>
            <a:off x="2727068" y="6445905"/>
            <a:ext cx="885456" cy="36490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l-NL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noProof="0">
                <a:solidFill>
                  <a:schemeClr val="bg1"/>
                </a:solidFill>
                <a:latin typeface="+mn-lt"/>
                <a:cs typeface="Arial" panose="020B0604020202020204" pitchFamily="34" charset="0"/>
              </a:rPr>
              <a:t> , Bern</a:t>
            </a:r>
          </a:p>
        </p:txBody>
      </p:sp>
      <p:sp>
        <p:nvSpPr>
          <p:cNvPr id="18" name="Date" descr="{&quot;templafy&quot;:{&quot;id&quot;:&quot;47ce9b7c-bc90-40d6-8f07-2296e3bf487a&quot;}}">
            <a:extLst>
              <a:ext uri="{FF2B5EF4-FFF2-40B4-BE49-F238E27FC236}">
                <a16:creationId xmlns:a16="http://schemas.microsoft.com/office/drawing/2014/main" id="{62294A63-3F0F-461B-8258-EE00A83E8E5F}"/>
              </a:ext>
            </a:extLst>
          </p:cNvPr>
          <p:cNvSpPr/>
          <p:nvPr userDrawn="1"/>
        </p:nvSpPr>
        <p:spPr>
          <a:xfrm>
            <a:off x="1342800" y="6444000"/>
            <a:ext cx="1617152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de-CH" sz="1200" noProof="0" dirty="0">
                <a:solidFill>
                  <a:schemeClr val="bg1"/>
                </a:solidFill>
                <a:latin typeface="+mn-lt"/>
              </a:rPr>
              <a:t>10. August 2023</a:t>
            </a: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DF98CDE-7C24-47C1-80C5-DB5BE248274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 dirty="0"/>
              <a:t>Kapiteltitel</a:t>
            </a:r>
          </a:p>
        </p:txBody>
      </p:sp>
      <p:pic>
        <p:nvPicPr>
          <p:cNvPr id="396688156" name="Logo" descr="{&quot;templafy&quot;:{&quot;id&quot;:&quot;42c90eaf-355a-4099-87f4-aecdb7e6ddd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40886875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Grau)">
    <p:bg>
      <p:bgPr>
        <a:solidFill>
          <a:srgbClr val="64636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3" descr="{&quot;templafy&quot;:{&quot;id&quot;:&quot;2a350119-17d7-4183-8d22-2d89542a8fdd&quot;}}">
            <a:extLst>
              <a:ext uri="{FF2B5EF4-FFF2-40B4-BE49-F238E27FC236}">
                <a16:creationId xmlns:a16="http://schemas.microsoft.com/office/drawing/2014/main" id="{8F57D3E5-66CA-4A6F-A22A-C1427F8D62EA}"/>
              </a:ext>
            </a:extLst>
          </p:cNvPr>
          <p:cNvSpPr/>
          <p:nvPr userDrawn="1"/>
        </p:nvSpPr>
        <p:spPr>
          <a:xfrm>
            <a:off x="3797201" y="6436427"/>
            <a:ext cx="7781135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 dirty="0">
                <a:solidFill>
                  <a:schemeClr val="bg1"/>
                </a:solidFill>
                <a:latin typeface="+mn-lt"/>
              </a:rPr>
              <a:t>Universität Bern, Abteilung Kommunikation &amp; Marketing</a:t>
            </a:r>
          </a:p>
        </p:txBody>
      </p:sp>
      <p:sp>
        <p:nvSpPr>
          <p:cNvPr id="12" name="Footer 2" descr="{&quot;templafy&quot;:{&quot;id&quot;:&quot;04f25842-b2ce-4498-86ea-6048069ee5c4&quot;}}">
            <a:extLst>
              <a:ext uri="{FF2B5EF4-FFF2-40B4-BE49-F238E27FC236}">
                <a16:creationId xmlns:a16="http://schemas.microsoft.com/office/drawing/2014/main" id="{D33399A3-6321-47B8-B9ED-EE4DDC4856FE}"/>
              </a:ext>
            </a:extLst>
          </p:cNvPr>
          <p:cNvSpPr/>
          <p:nvPr userDrawn="1"/>
        </p:nvSpPr>
        <p:spPr>
          <a:xfrm>
            <a:off x="3797201" y="6444000"/>
            <a:ext cx="7781135" cy="363600"/>
          </a:xfrm>
          <a:prstGeom prst="rect">
            <a:avLst/>
          </a:prstGeom>
          <a:solidFill>
            <a:srgbClr val="64636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endParaRPr lang="de-CH" sz="1200" noProof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9" name="Footer 1">
            <a:extLst>
              <a:ext uri="{FF2B5EF4-FFF2-40B4-BE49-F238E27FC236}">
                <a16:creationId xmlns:a16="http://schemas.microsoft.com/office/drawing/2014/main" id="{5B5D36DE-75BC-4DF1-B58E-51CE000EFEC8}"/>
              </a:ext>
            </a:extLst>
          </p:cNvPr>
          <p:cNvSpPr txBox="1">
            <a:spLocks/>
          </p:cNvSpPr>
          <p:nvPr userDrawn="1"/>
        </p:nvSpPr>
        <p:spPr>
          <a:xfrm>
            <a:off x="2727068" y="6445905"/>
            <a:ext cx="885456" cy="36490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l-NL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noProof="0">
                <a:solidFill>
                  <a:schemeClr val="bg1"/>
                </a:solidFill>
                <a:latin typeface="+mn-lt"/>
                <a:cs typeface="Arial" panose="020B0604020202020204" pitchFamily="34" charset="0"/>
              </a:rPr>
              <a:t> , Bern</a:t>
            </a:r>
          </a:p>
        </p:txBody>
      </p:sp>
      <p:sp>
        <p:nvSpPr>
          <p:cNvPr id="15" name="Date" descr="{&quot;templafy&quot;:{&quot;id&quot;:&quot;e1de4f12-4be5-4255-b193-1d98585a862d&quot;}}">
            <a:extLst>
              <a:ext uri="{FF2B5EF4-FFF2-40B4-BE49-F238E27FC236}">
                <a16:creationId xmlns:a16="http://schemas.microsoft.com/office/drawing/2014/main" id="{CE9FD754-5F55-467F-B337-889F634F0A34}"/>
              </a:ext>
            </a:extLst>
          </p:cNvPr>
          <p:cNvSpPr/>
          <p:nvPr userDrawn="1"/>
        </p:nvSpPr>
        <p:spPr>
          <a:xfrm>
            <a:off x="1342800" y="6444000"/>
            <a:ext cx="1617246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de-CH" sz="1200" noProof="0" dirty="0">
                <a:solidFill>
                  <a:schemeClr val="bg1"/>
                </a:solidFill>
                <a:latin typeface="+mn-lt"/>
              </a:rPr>
              <a:t>10. August 2023</a:t>
            </a:r>
          </a:p>
        </p:txBody>
      </p:sp>
      <p:sp>
        <p:nvSpPr>
          <p:cNvPr id="2" name="Slide number">
            <a:extLst>
              <a:ext uri="{FF2B5EF4-FFF2-40B4-BE49-F238E27FC236}">
                <a16:creationId xmlns:a16="http://schemas.microsoft.com/office/drawing/2014/main" id="{6B217D56-9F23-4A1F-A948-17905D6B6D6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 dirty="0"/>
              <a:t>Kapiteltitel</a:t>
            </a:r>
          </a:p>
        </p:txBody>
      </p:sp>
      <p:pic>
        <p:nvPicPr>
          <p:cNvPr id="231936598" name="Logo" descr="{&quot;templafy&quot;:{&quot;id&quot;:&quot;76a816d5-bfef-4c73-a8d4-95bdb664b96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6084444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">
            <a:extLst>
              <a:ext uri="{FF2B5EF4-FFF2-40B4-BE49-F238E27FC236}">
                <a16:creationId xmlns:a16="http://schemas.microsoft.com/office/drawing/2014/main" id="{54E8C4F2-4D97-4C54-82AD-3E2D0C429A44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C920BAB7-1FB4-4BAB-8FD4-CB13A5B4498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</p:spTree>
    <p:extLst>
      <p:ext uri="{BB962C8B-B14F-4D97-AF65-F5344CB8AC3E}">
        <p14:creationId xmlns:p14="http://schemas.microsoft.com/office/powerpoint/2010/main" val="379148572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 (ohne Untertite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FE14406F-DC93-4A53-9C07-EC77106573C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142287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</p:spTree>
    <p:extLst>
      <p:ext uri="{BB962C8B-B14F-4D97-AF65-F5344CB8AC3E}">
        <p14:creationId xmlns:p14="http://schemas.microsoft.com/office/powerpoint/2010/main" val="218262523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Spal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">
            <a:extLst>
              <a:ext uri="{FF2B5EF4-FFF2-40B4-BE49-F238E27FC236}">
                <a16:creationId xmlns:a16="http://schemas.microsoft.com/office/drawing/2014/main" id="{F192B501-1AD2-4D7C-9442-2A5BE5F07D2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4" name="Text right">
            <a:extLst>
              <a:ext uri="{FF2B5EF4-FFF2-40B4-BE49-F238E27FC236}">
                <a16:creationId xmlns:a16="http://schemas.microsoft.com/office/drawing/2014/main" id="{06CD3D0C-D4D1-4875-BB7B-BDA878B4289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27800" y="2038985"/>
            <a:ext cx="5057480" cy="4351338"/>
          </a:xfrm>
        </p:spPr>
        <p:txBody>
          <a:bodyPr>
            <a:noAutofit/>
          </a:bodyPr>
          <a:lstStyle>
            <a:lvl1pPr marL="0" indent="0" algn="l">
              <a:lnSpc>
                <a:spcPts val="3200"/>
              </a:lnSpc>
              <a:buFont typeface="Arial" panose="020B0604020202020204" pitchFamily="34" charset="0"/>
              <a:buNone/>
              <a:defRPr sz="2600" spc="20" baseline="0"/>
            </a:lvl1pPr>
          </a:lstStyle>
          <a:p>
            <a:pPr lvl="0"/>
            <a:r>
              <a:rPr lang="de-CH" noProof="0" dirty="0"/>
              <a:t>Inhalt hinzufügen</a:t>
            </a:r>
          </a:p>
          <a:p>
            <a:pPr algn="l"/>
            <a:endParaRPr lang="de-CH" noProof="0" dirty="0"/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defRPr sz="2600" spc="20" baseline="0"/>
            </a:lvl1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</p:spTree>
    <p:extLst>
      <p:ext uri="{BB962C8B-B14F-4D97-AF65-F5344CB8AC3E}">
        <p14:creationId xmlns:p14="http://schemas.microsoft.com/office/powerpoint/2010/main" val="204441717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B1591914-F48E-4047-B3A6-F5F93D8F9E6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3" name="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71881" y="1293060"/>
            <a:ext cx="10515600" cy="499598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 dirty="0"/>
              <a:t>((Bild, Grafik)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1A93C6CF-9644-457B-BFCB-28FD390E462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</p:spTree>
    <p:extLst>
      <p:ext uri="{BB962C8B-B14F-4D97-AF65-F5344CB8AC3E}">
        <p14:creationId xmlns:p14="http://schemas.microsoft.com/office/powerpoint/2010/main" val="1492207689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halt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436E527F-C7AF-47DB-A851-E001347166D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12" name="Content right">
            <a:extLst>
              <a:ext uri="{FF2B5EF4-FFF2-40B4-BE49-F238E27FC236}">
                <a16:creationId xmlns:a16="http://schemas.microsoft.com/office/drawing/2014/main" id="{7B630F5E-F778-4C6B-BBDF-88319CFE6234}"/>
              </a:ext>
            </a:extLst>
          </p:cNvPr>
          <p:cNvSpPr>
            <a:spLocks noGrp="1"/>
          </p:cNvSpPr>
          <p:nvPr>
            <p:ph sz="quarter" idx="4" hasCustomPrompt="1"/>
          </p:nvPr>
        </p:nvSpPr>
        <p:spPr>
          <a:xfrm>
            <a:off x="6621780" y="2153920"/>
            <a:ext cx="5092700" cy="413766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 dirty="0"/>
              <a:t>((Bild, </a:t>
            </a:r>
            <a:r>
              <a:rPr lang="de-CH" noProof="0" dirty="0" err="1"/>
              <a:t>Grafiek</a:t>
            </a:r>
            <a:r>
              <a:rPr lang="de-CH" noProof="0" dirty="0"/>
              <a:t>))</a:t>
            </a:r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spcAft>
                <a:spcPts val="600"/>
              </a:spcAft>
              <a:defRPr sz="2600" spc="20" baseline="0"/>
            </a:lvl1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11" name="Sutb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</p:spTree>
    <p:extLst>
      <p:ext uri="{BB962C8B-B14F-4D97-AF65-F5344CB8AC3E}">
        <p14:creationId xmlns:p14="http://schemas.microsoft.com/office/powerpoint/2010/main" val="12796217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23247629" name="Logo" descr="{&quot;templafy&quot;:{&quot;id&quot;:&quot;258ffc36-c6d1-46a2-a475-7669653400b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90000" y="1576800"/>
            <a:ext cx="4795200" cy="3703335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33B1C99-94D5-3D66-665D-E961A171385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</a:rPr>
              <a:t>Titelfolie mit Logo</a:t>
            </a:r>
            <a:endParaRPr lang="de-DE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6535254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bjekt Rechts (ohne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54174" y="0"/>
            <a:ext cx="11037600" cy="685800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345AF8F6-313A-6244-658F-104E11BC838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Folie mit Grafik oder Bild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  <p:pic>
        <p:nvPicPr>
          <p:cNvPr id="63204112" name="Logo" descr="{&quot;templafy&quot;:{&quot;id&quot;:&quot;f24db079-637e-4dc1-81bf-d05bcb144d9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2868987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kt Rechts (mit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">
            <a:extLst>
              <a:ext uri="{FF2B5EF4-FFF2-40B4-BE49-F238E27FC236}">
                <a16:creationId xmlns:a16="http://schemas.microsoft.com/office/drawing/2014/main" id="{1E66BE32-5F6B-46DA-A973-531B5712FFC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43001" y="0"/>
            <a:ext cx="11038170" cy="627507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8442B7E7-60B0-122A-B432-C4C54D2E205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575560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Folie mit Grafik oder Bild mit </a:t>
            </a:r>
            <a:r>
              <a:rPr lang="de-CH" sz="800" dirty="0" err="1">
                <a:solidFill>
                  <a:schemeClr val="tx1"/>
                </a:solidFill>
                <a:latin typeface="+mj-lt"/>
              </a:rPr>
              <a:t>Rahem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262202222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e für Ihre Aufmerksamke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mumber">
            <a:extLst>
              <a:ext uri="{FF2B5EF4-FFF2-40B4-BE49-F238E27FC236}">
                <a16:creationId xmlns:a16="http://schemas.microsoft.com/office/drawing/2014/main" id="{47D22171-88C2-458B-A31E-4A83A9A8460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DE" noProof="0" smtClean="0"/>
              <a:pPr/>
              <a:t>‹Nr.›</a:t>
            </a:fld>
            <a:endParaRPr lang="de-DE" noProof="0" dirty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Fragen?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 dirty="0"/>
              <a:t>Danke für Ihre Aufmerksamkeit </a:t>
            </a:r>
          </a:p>
        </p:txBody>
      </p:sp>
    </p:spTree>
    <p:extLst>
      <p:ext uri="{BB962C8B-B14F-4D97-AF65-F5344CB8AC3E}">
        <p14:creationId xmlns:p14="http://schemas.microsoft.com/office/powerpoint/2010/main" val="2497914407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nta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9726F9F3-81CB-4170-8972-2C6824CD8E5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8" name="Contact 5" descr="{&quot;templafy&quot;:{&quot;id&quot;:&quot;2037cf80-1f24-4b02-ae7c-75a4c93b8d3e&quot;}}" title="UserProfile.Phone">
            <a:extLst>
              <a:ext uri="{FF2B5EF4-FFF2-40B4-BE49-F238E27FC236}">
                <a16:creationId xmlns:a16="http://schemas.microsoft.com/office/drawing/2014/main" id="{4B49ACC0-D774-4EA7-9041-FB22D7469112}"/>
              </a:ext>
            </a:extLst>
          </p:cNvPr>
          <p:cNvSpPr/>
          <p:nvPr userDrawn="1"/>
        </p:nvSpPr>
        <p:spPr>
          <a:xfrm>
            <a:off x="1071877" y="3279552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2600" b="0" noProof="0">
                <a:solidFill>
                  <a:schemeClr val="tx1"/>
                </a:solidFill>
                <a:latin typeface="+mn-lt"/>
              </a:rPr>
              <a:t>+41 31 684 86 32</a:t>
            </a:r>
          </a:p>
        </p:txBody>
      </p:sp>
      <p:sp>
        <p:nvSpPr>
          <p:cNvPr id="11" name="Contact 4" descr="{&quot;templafy&quot;:{&quot;id&quot;:&quot;3d293a26-94c6-45b3-983a-569907addab2&quot;}}" title="UserProfile.Emailaddress">
            <a:extLst>
              <a:ext uri="{FF2B5EF4-FFF2-40B4-BE49-F238E27FC236}">
                <a16:creationId xmlns:a16="http://schemas.microsoft.com/office/drawing/2014/main" id="{3BB0F2FB-17A8-4726-9E35-1AC1F5C848F1}"/>
              </a:ext>
            </a:extLst>
          </p:cNvPr>
          <p:cNvSpPr/>
          <p:nvPr userDrawn="1"/>
        </p:nvSpPr>
        <p:spPr>
          <a:xfrm>
            <a:off x="1071877" y="2833200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2600" b="0" u="sng" noProof="0">
                <a:solidFill>
                  <a:schemeClr val="tx1"/>
                </a:solidFill>
                <a:latin typeface="+mn-lt"/>
              </a:rPr>
              <a:t>ulrich.zwahlen@unibe.ch</a:t>
            </a:r>
          </a:p>
        </p:txBody>
      </p:sp>
      <p:sp>
        <p:nvSpPr>
          <p:cNvPr id="12" name="Contact 3" descr="{&quot;templafy&quot;:{&quot;id&quot;:&quot;7bcb373c-f2fa-462c-a024-3493e6e46b2f&quot;}}" title="UserProfile.Description">
            <a:extLst>
              <a:ext uri="{FF2B5EF4-FFF2-40B4-BE49-F238E27FC236}">
                <a16:creationId xmlns:a16="http://schemas.microsoft.com/office/drawing/2014/main" id="{6883724C-2AF3-4511-9F57-BDB351199C44}"/>
              </a:ext>
            </a:extLst>
          </p:cNvPr>
          <p:cNvSpPr/>
          <p:nvPr userDrawn="1"/>
        </p:nvSpPr>
        <p:spPr>
          <a:xfrm>
            <a:off x="1071877" y="2398072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2600" b="0" noProof="0">
                <a:solidFill>
                  <a:schemeClr val="tx1"/>
                </a:solidFill>
                <a:latin typeface="+mn-lt"/>
              </a:rPr>
              <a:t>Leiter Webshop</a:t>
            </a:r>
          </a:p>
        </p:txBody>
      </p:sp>
      <p:sp>
        <p:nvSpPr>
          <p:cNvPr id="9" name="Contact 2" descr="{&quot;templafy&quot;:{&quot;id&quot;:&quot;7cfa808a-a4f7-4303-9b35-6c5c5fa010e9&quot;}}" title="text">
            <a:extLst>
              <a:ext uri="{FF2B5EF4-FFF2-40B4-BE49-F238E27FC236}">
                <a16:creationId xmlns:a16="http://schemas.microsoft.com/office/drawing/2014/main" id="{AE43B8B4-8E28-40CF-A0DE-355BCCE4636D}"/>
              </a:ext>
            </a:extLst>
          </p:cNvPr>
          <p:cNvSpPr/>
          <p:nvPr userDrawn="1"/>
        </p:nvSpPr>
        <p:spPr>
          <a:xfrm>
            <a:off x="1071877" y="1897200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2600" b="1" noProof="0">
                <a:solidFill>
                  <a:schemeClr val="tx1"/>
                </a:solidFill>
                <a:latin typeface="+mn-lt"/>
              </a:rPr>
              <a:t>Ueli Zwahlen</a:t>
            </a:r>
          </a:p>
        </p:txBody>
      </p:sp>
      <p:sp>
        <p:nvSpPr>
          <p:cNvPr id="13" name="Contact 1" descr="{&quot;templafy&quot;:{&quot;id&quot;:&quot;a1e9314b-96c1-47e4-9265-88c6174a2835&quot;}}" title="UserProfile.Titel">
            <a:extLst>
              <a:ext uri="{FF2B5EF4-FFF2-40B4-BE49-F238E27FC236}">
                <a16:creationId xmlns:a16="http://schemas.microsoft.com/office/drawing/2014/main" id="{E7187764-FA13-47E4-B7A1-C228780F5BBF}"/>
              </a:ext>
            </a:extLst>
          </p:cNvPr>
          <p:cNvSpPr/>
          <p:nvPr userDrawn="1"/>
        </p:nvSpPr>
        <p:spPr>
          <a:xfrm>
            <a:off x="1071877" y="1429200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endParaRPr lang="de-CH" sz="2600" b="0" noProof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 dirty="0"/>
              <a:t>Kontakt</a:t>
            </a:r>
          </a:p>
        </p:txBody>
      </p:sp>
    </p:spTree>
    <p:extLst>
      <p:ext uri="{BB962C8B-B14F-4D97-AF65-F5344CB8AC3E}">
        <p14:creationId xmlns:p14="http://schemas.microsoft.com/office/powerpoint/2010/main" val="3926203861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ntakt (manuel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9726F9F3-81CB-4170-8972-2C6824CD8E5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 dirty="0"/>
              <a:t>Kontakt</a:t>
            </a:r>
          </a:p>
        </p:txBody>
      </p:sp>
      <p:sp>
        <p:nvSpPr>
          <p:cNvPr id="2" name="Name">
            <a:extLst>
              <a:ext uri="{FF2B5EF4-FFF2-40B4-BE49-F238E27FC236}">
                <a16:creationId xmlns:a16="http://schemas.microsoft.com/office/drawing/2014/main" id="{BF8C5F6D-DBA3-ABE1-B9C7-7837F474C02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2800" y="1897199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</a:t>
            </a:r>
          </a:p>
        </p:txBody>
      </p:sp>
      <p:sp>
        <p:nvSpPr>
          <p:cNvPr id="3" name="Funktion">
            <a:extLst>
              <a:ext uri="{FF2B5EF4-FFF2-40B4-BE49-F238E27FC236}">
                <a16:creationId xmlns:a16="http://schemas.microsoft.com/office/drawing/2014/main" id="{15AEF63E-20CB-600C-D260-A832495E57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071880" y="23976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Funktion</a:t>
            </a:r>
          </a:p>
        </p:txBody>
      </p:sp>
      <p:sp>
        <p:nvSpPr>
          <p:cNvPr id="5" name="Email">
            <a:extLst>
              <a:ext uri="{FF2B5EF4-FFF2-40B4-BE49-F238E27FC236}">
                <a16:creationId xmlns:a16="http://schemas.microsoft.com/office/drawing/2014/main" id="{1C8AB37B-0E64-1147-A465-64B25BC0277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072800" y="28332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u="sng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Email</a:t>
            </a:r>
          </a:p>
        </p:txBody>
      </p:sp>
      <p:sp>
        <p:nvSpPr>
          <p:cNvPr id="7" name="Telefon">
            <a:extLst>
              <a:ext uri="{FF2B5EF4-FFF2-40B4-BE49-F238E27FC236}">
                <a16:creationId xmlns:a16="http://schemas.microsoft.com/office/drawing/2014/main" id="{C561FCD8-3346-82A5-2F93-BF3E3EFF1E85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1072800" y="32796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Telefon</a:t>
            </a:r>
          </a:p>
        </p:txBody>
      </p:sp>
      <p:sp>
        <p:nvSpPr>
          <p:cNvPr id="19" name="Footer 1">
            <a:extLst>
              <a:ext uri="{FF2B5EF4-FFF2-40B4-BE49-F238E27FC236}">
                <a16:creationId xmlns:a16="http://schemas.microsoft.com/office/drawing/2014/main" id="{326B1A47-7A8E-27B6-C1E5-95A199E00FE7}"/>
              </a:ext>
            </a:extLst>
          </p:cNvPr>
          <p:cNvSpPr txBox="1">
            <a:spLocks/>
          </p:cNvSpPr>
          <p:nvPr userDrawn="1"/>
        </p:nvSpPr>
        <p:spPr>
          <a:xfrm>
            <a:off x="2727068" y="6445905"/>
            <a:ext cx="885456" cy="36490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l-NL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noProof="0" dirty="0">
                <a:latin typeface="+mn-lt"/>
                <a:cs typeface="Arial" panose="020B0604020202020204" pitchFamily="34" charset="0"/>
              </a:rPr>
              <a:t> , Bern</a:t>
            </a:r>
          </a:p>
        </p:txBody>
      </p:sp>
    </p:spTree>
    <p:extLst>
      <p:ext uri="{BB962C8B-B14F-4D97-AF65-F5344CB8AC3E}">
        <p14:creationId xmlns:p14="http://schemas.microsoft.com/office/powerpoint/2010/main" val="147752539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1677600" y="2443073"/>
            <a:ext cx="10047600" cy="369332"/>
            <a:chOff x="2744570" y="3694411"/>
            <a:chExt cx="950427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3507364" y="3694411"/>
              <a:ext cx="4853277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744570" y="3694411"/>
              <a:ext cx="379556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1646104" y="3694411"/>
              <a:ext cx="602744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8908219" y="3694411"/>
              <a:ext cx="1257061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7450737" y="3694411"/>
              <a:ext cx="1314458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10839041" y="3694411"/>
              <a:ext cx="684723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1677601" y="2067608"/>
            <a:ext cx="10047600" cy="369332"/>
            <a:chOff x="2744554" y="3155687"/>
            <a:chExt cx="9504263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3507346" y="3155687"/>
              <a:ext cx="4853276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744554" y="3155687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1646074" y="3155687"/>
              <a:ext cx="60274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8908192" y="3155687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7450713" y="3155687"/>
              <a:ext cx="13144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10842417" y="3155687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171466" y="1972984"/>
            <a:ext cx="10552805" cy="369332"/>
            <a:chOff x="1797665" y="2616963"/>
            <a:chExt cx="10552804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96690" y="2616963"/>
              <a:ext cx="5384711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5" y="2616963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713475" y="2616963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8819798" y="2616963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7278998" y="2616963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10862033" y="2616963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3" name="SP Agenda Section" hidden="1"/>
          <p:cNvGrpSpPr/>
          <p:nvPr userDrawn="1"/>
        </p:nvGrpSpPr>
        <p:grpSpPr>
          <a:xfrm>
            <a:off x="1171466" y="1472532"/>
            <a:ext cx="10552806" cy="378568"/>
            <a:chOff x="1797664" y="2076395"/>
            <a:chExt cx="10552803" cy="378568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2303327" y="2085631"/>
              <a:ext cx="5378072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0" noProof="0" dirty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1713473" y="2085631"/>
              <a:ext cx="636994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8819889" y="2085631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7280427" y="2085631"/>
              <a:ext cx="1388067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10866017" y="2076395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sp>
        <p:nvSpPr>
          <p:cNvPr id="6" name="Slide Number">
            <a:extLst>
              <a:ext uri="{FF2B5EF4-FFF2-40B4-BE49-F238E27FC236}">
                <a16:creationId xmlns:a16="http://schemas.microsoft.com/office/drawing/2014/main" id="{4214ED27-A09D-C4A9-4CE3-D4F74DF5D18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7" name="Title">
            <a:extLst>
              <a:ext uri="{FF2B5EF4-FFF2-40B4-BE49-F238E27FC236}">
                <a16:creationId xmlns:a16="http://schemas.microsoft.com/office/drawing/2014/main" id="{795FC4AF-5939-9FD0-775D-D61C6E5AC25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909601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96898468" name="Logo" descr="{&quot;templafy&quot;:{&quot;id&quot;:&quot;440f04e6-e256-4afc-8d4b-365687e9392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99600" y="2451600"/>
            <a:ext cx="2401200" cy="2422800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9F61AC9-3E02-B55B-9C0E-D8A64DDAD36D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Titelfolie mit Logo reduziert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7430491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63549455" name="Logo" descr="{&quot;templafy&quot;:{&quot;id&quot;:&quot;2a85a4a5-1bd7-4c4d-b22d-e73c583ae20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99600" y="2451600"/>
            <a:ext cx="2401200" cy="2422800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E0E20164-2ACA-C670-627C-5105965EA4F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Titelfolie rot mit Logo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411121635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5E6F3B14-0C56-423B-A351-2EFCD5C2A1B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24" name="Thema and date">
            <a:extLst>
              <a:ext uri="{FF2B5EF4-FFF2-40B4-BE49-F238E27FC236}">
                <a16:creationId xmlns:a16="http://schemas.microsoft.com/office/drawing/2014/main" id="{94831998-42DA-45E3-9D77-62123369D34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6400" y="3189175"/>
            <a:ext cx="10510202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3" name="text" descr="{&quot;templafy&quot;:{&quot;id&quot;:&quot;28448f9e-1336-4f41-a59c-306a30280e2a&quot;}}" title="text">
            <a:extLst>
              <a:ext uri="{FF2B5EF4-FFF2-40B4-BE49-F238E27FC236}">
                <a16:creationId xmlns:a16="http://schemas.microsoft.com/office/drawing/2014/main" id="{01036B46-B9BA-4C6F-A29D-195260BFDD91}"/>
              </a:ext>
            </a:extLst>
          </p:cNvPr>
          <p:cNvSpPr/>
          <p:nvPr userDrawn="1"/>
        </p:nvSpPr>
        <p:spPr>
          <a:xfrm>
            <a:off x="1076400" y="2916000"/>
            <a:ext cx="10510202" cy="37641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b="1" noProof="0" dirty="0">
                <a:solidFill>
                  <a:schemeClr val="tx1"/>
                </a:solidFill>
                <a:latin typeface="+mn-lt"/>
              </a:rPr>
              <a:t>Ueli Zwahlen, Leiter Webshop</a:t>
            </a:r>
          </a:p>
        </p:txBody>
      </p:sp>
      <p:sp>
        <p:nvSpPr>
          <p:cNvPr id="25" name="Subtitle">
            <a:extLst>
              <a:ext uri="{FF2B5EF4-FFF2-40B4-BE49-F238E27FC236}">
                <a16:creationId xmlns:a16="http://schemas.microsoft.com/office/drawing/2014/main" id="{334DAC06-C0CC-40CA-AFC3-16063BE4CD2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76960" y="1473201"/>
            <a:ext cx="10515600" cy="1508760"/>
          </a:xfrm>
        </p:spPr>
        <p:txBody>
          <a:bodyPr tIns="108000">
            <a:noAutofit/>
          </a:bodyPr>
          <a:lstStyle>
            <a:lvl1pPr marL="0" indent="0" algn="l">
              <a:lnSpc>
                <a:spcPct val="90000"/>
              </a:lnSpc>
              <a:buNone/>
              <a:defRPr sz="420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48135589-86E2-4710-BA06-A9C3BB9B5F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18232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  <a:br>
              <a:rPr lang="de-CH" noProof="0" dirty="0"/>
            </a:br>
            <a:endParaRPr lang="de-CH" noProof="0" dirty="0"/>
          </a:p>
        </p:txBody>
      </p:sp>
    </p:spTree>
    <p:extLst>
      <p:ext uri="{BB962C8B-B14F-4D97-AF65-F5344CB8AC3E}">
        <p14:creationId xmlns:p14="http://schemas.microsoft.com/office/powerpoint/2010/main" val="215065811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manuel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5E6F3B14-0C56-423B-A351-2EFCD5C2A1B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24" name="Thema and date">
            <a:extLst>
              <a:ext uri="{FF2B5EF4-FFF2-40B4-BE49-F238E27FC236}">
                <a16:creationId xmlns:a16="http://schemas.microsoft.com/office/drawing/2014/main" id="{94831998-42DA-45E3-9D77-62123369D34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7278" y="3191275"/>
            <a:ext cx="10510202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25" name="Subtitle">
            <a:extLst>
              <a:ext uri="{FF2B5EF4-FFF2-40B4-BE49-F238E27FC236}">
                <a16:creationId xmlns:a16="http://schemas.microsoft.com/office/drawing/2014/main" id="{334DAC06-C0CC-40CA-AFC3-16063BE4CD2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76960" y="1473201"/>
            <a:ext cx="10515600" cy="1508760"/>
          </a:xfrm>
        </p:spPr>
        <p:txBody>
          <a:bodyPr tIns="108000">
            <a:noAutofit/>
          </a:bodyPr>
          <a:lstStyle>
            <a:lvl1pPr marL="0" indent="0" algn="l">
              <a:lnSpc>
                <a:spcPct val="90000"/>
              </a:lnSpc>
              <a:buNone/>
              <a:defRPr sz="420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48135589-86E2-4710-BA06-A9C3BB9B5F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18232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  <a:br>
              <a:rPr lang="de-CH" noProof="0" dirty="0"/>
            </a:br>
            <a:endParaRPr lang="de-CH" noProof="0" dirty="0"/>
          </a:p>
        </p:txBody>
      </p:sp>
      <p:sp>
        <p:nvSpPr>
          <p:cNvPr id="4" name="Name">
            <a:extLst>
              <a:ext uri="{FF2B5EF4-FFF2-40B4-BE49-F238E27FC236}">
                <a16:creationId xmlns:a16="http://schemas.microsoft.com/office/drawing/2014/main" id="{F7BBEF40-94F7-ABCA-E772-7C4B83D4B73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6400" y="2916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 und Titel</a:t>
            </a:r>
          </a:p>
        </p:txBody>
      </p:sp>
      <p:sp>
        <p:nvSpPr>
          <p:cNvPr id="7" name="Footer 1">
            <a:extLst>
              <a:ext uri="{FF2B5EF4-FFF2-40B4-BE49-F238E27FC236}">
                <a16:creationId xmlns:a16="http://schemas.microsoft.com/office/drawing/2014/main" id="{D8C55DFB-3394-03D6-F636-28444BC73E48}"/>
              </a:ext>
            </a:extLst>
          </p:cNvPr>
          <p:cNvSpPr txBox="1">
            <a:spLocks/>
          </p:cNvSpPr>
          <p:nvPr userDrawn="1"/>
        </p:nvSpPr>
        <p:spPr>
          <a:xfrm>
            <a:off x="2727068" y="6445905"/>
            <a:ext cx="885456" cy="36490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l-NL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noProof="0" dirty="0">
                <a:latin typeface="+mn-lt"/>
                <a:cs typeface="Arial" panose="020B0604020202020204" pitchFamily="34" charset="0"/>
              </a:rPr>
              <a:t> , Bern</a:t>
            </a:r>
          </a:p>
        </p:txBody>
      </p:sp>
    </p:spTree>
    <p:extLst>
      <p:ext uri="{BB962C8B-B14F-4D97-AF65-F5344CB8AC3E}">
        <p14:creationId xmlns:p14="http://schemas.microsoft.com/office/powerpoint/2010/main" val="3021125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Kurz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Slide number">
            <a:extLst>
              <a:ext uri="{FF2B5EF4-FFF2-40B4-BE49-F238E27FC236}">
                <a16:creationId xmlns:a16="http://schemas.microsoft.com/office/drawing/2014/main" id="{19F4795F-0655-4BB9-B543-C6724769619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0" name="Thema and date">
            <a:extLst>
              <a:ext uri="{FF2B5EF4-FFF2-40B4-BE49-F238E27FC236}">
                <a16:creationId xmlns:a16="http://schemas.microsoft.com/office/drawing/2014/main" id="{F69B26A7-791A-43AE-AC82-956FBB9884F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7" name="Text" descr="{&quot;templafy&quot;:{&quot;id&quot;:&quot;07d68ae5-cf52-4914-a842-3f073b0e1682&quot;}}" title="text">
            <a:extLst>
              <a:ext uri="{FF2B5EF4-FFF2-40B4-BE49-F238E27FC236}">
                <a16:creationId xmlns:a16="http://schemas.microsoft.com/office/drawing/2014/main" id="{F4CD5B16-02A1-4214-8DC0-605D74A7578E}"/>
              </a:ext>
            </a:extLst>
          </p:cNvPr>
          <p:cNvSpPr/>
          <p:nvPr userDrawn="1"/>
        </p:nvSpPr>
        <p:spPr>
          <a:xfrm>
            <a:off x="1069200" y="1674000"/>
            <a:ext cx="10510202" cy="37641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b="1" noProof="0" dirty="0">
                <a:solidFill>
                  <a:schemeClr val="tx1"/>
                </a:solidFill>
                <a:latin typeface="+mn-lt"/>
              </a:rPr>
              <a:t>Ueli Zwahlen, Leiter Webshop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23FDBE87-0C00-448F-8952-0CDABC88091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</a:p>
        </p:txBody>
      </p:sp>
    </p:spTree>
    <p:extLst>
      <p:ext uri="{BB962C8B-B14F-4D97-AF65-F5344CB8AC3E}">
        <p14:creationId xmlns:p14="http://schemas.microsoft.com/office/powerpoint/2010/main" val="260224230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Kurz) (manuel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Slide number">
            <a:extLst>
              <a:ext uri="{FF2B5EF4-FFF2-40B4-BE49-F238E27FC236}">
                <a16:creationId xmlns:a16="http://schemas.microsoft.com/office/drawing/2014/main" id="{19F4795F-0655-4BB9-B543-C6724769619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0" name="Thema and date">
            <a:extLst>
              <a:ext uri="{FF2B5EF4-FFF2-40B4-BE49-F238E27FC236}">
                <a16:creationId xmlns:a16="http://schemas.microsoft.com/office/drawing/2014/main" id="{F69B26A7-791A-43AE-AC82-956FBB9884F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23FDBE87-0C00-448F-8952-0CDABC88091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4" name="Name">
            <a:extLst>
              <a:ext uri="{FF2B5EF4-FFF2-40B4-BE49-F238E27FC236}">
                <a16:creationId xmlns:a16="http://schemas.microsoft.com/office/drawing/2014/main" id="{AB8391A8-67CD-1481-00B5-2E607FA9D4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69200" y="1674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 und Titel</a:t>
            </a:r>
          </a:p>
        </p:txBody>
      </p:sp>
      <p:sp>
        <p:nvSpPr>
          <p:cNvPr id="6" name="Footer 1">
            <a:extLst>
              <a:ext uri="{FF2B5EF4-FFF2-40B4-BE49-F238E27FC236}">
                <a16:creationId xmlns:a16="http://schemas.microsoft.com/office/drawing/2014/main" id="{6B2E2BFD-9AA2-50BB-E069-4D4B032A3339}"/>
              </a:ext>
            </a:extLst>
          </p:cNvPr>
          <p:cNvSpPr txBox="1">
            <a:spLocks/>
          </p:cNvSpPr>
          <p:nvPr userDrawn="1"/>
        </p:nvSpPr>
        <p:spPr>
          <a:xfrm>
            <a:off x="2727068" y="6445905"/>
            <a:ext cx="885456" cy="36490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l-NL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noProof="0" dirty="0">
                <a:latin typeface="+mn-lt"/>
                <a:cs typeface="Arial" panose="020B0604020202020204" pitchFamily="34" charset="0"/>
              </a:rPr>
              <a:t> , Bern</a:t>
            </a:r>
          </a:p>
        </p:txBody>
      </p:sp>
    </p:spTree>
    <p:extLst>
      <p:ext uri="{BB962C8B-B14F-4D97-AF65-F5344CB8AC3E}">
        <p14:creationId xmlns:p14="http://schemas.microsoft.com/office/powerpoint/2010/main" val="100802376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ohne Untertite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5643FF37-1A23-4A21-9146-7FA347ABF68F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9" name="Thema and date">
            <a:extLst>
              <a:ext uri="{FF2B5EF4-FFF2-40B4-BE49-F238E27FC236}">
                <a16:creationId xmlns:a16="http://schemas.microsoft.com/office/drawing/2014/main" id="{823AF8E3-CDEF-412C-B0B7-1B570B843EF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7" name="Text" descr="{&quot;templafy&quot;:{&quot;id&quot;:&quot;3cc540ab-70ee-4d9a-b023-186ed332cf64&quot;}}" title="text">
            <a:extLst>
              <a:ext uri="{FF2B5EF4-FFF2-40B4-BE49-F238E27FC236}">
                <a16:creationId xmlns:a16="http://schemas.microsoft.com/office/drawing/2014/main" id="{6FA9D646-0D1E-4CCB-95C4-77DDBDF31D42}"/>
              </a:ext>
            </a:extLst>
          </p:cNvPr>
          <p:cNvSpPr/>
          <p:nvPr userDrawn="1"/>
        </p:nvSpPr>
        <p:spPr>
          <a:xfrm>
            <a:off x="1069200" y="1674000"/>
            <a:ext cx="10510202" cy="37641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b="1" noProof="0" dirty="0">
                <a:solidFill>
                  <a:schemeClr val="tx1"/>
                </a:solidFill>
                <a:latin typeface="+mj-lt"/>
              </a:rPr>
              <a:t>Ueli Zwahlen, Leiter Webshop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9CF2C0D7-D0D8-4995-8605-AA1EACB1EB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38345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 dirty="0"/>
              <a:t>Titel 2. Zeile</a:t>
            </a:r>
            <a:br>
              <a:rPr lang="de-CH" noProof="0" dirty="0"/>
            </a:br>
            <a:r>
              <a:rPr lang="de-CH" noProof="0" dirty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148743044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2" descr="{&quot;templafy&quot;:{&quot;id&quot;:&quot;113552a7-303e-4069-8878-0c2c4f7d20a4&quot;}}">
            <a:extLst>
              <a:ext uri="{FF2B5EF4-FFF2-40B4-BE49-F238E27FC236}">
                <a16:creationId xmlns:a16="http://schemas.microsoft.com/office/drawing/2014/main" id="{42DFC3EA-2072-4EC9-8CFC-38D87C55AE18}"/>
              </a:ext>
            </a:extLst>
          </p:cNvPr>
          <p:cNvSpPr/>
          <p:nvPr userDrawn="1"/>
        </p:nvSpPr>
        <p:spPr>
          <a:xfrm>
            <a:off x="3797201" y="6445305"/>
            <a:ext cx="7781135" cy="363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 dirty="0">
                <a:solidFill>
                  <a:schemeClr val="tx1"/>
                </a:solidFill>
                <a:latin typeface="+mn-lt"/>
              </a:rPr>
              <a:t>Universität Bern, Abteilung Kommunikation &amp; Marketing</a:t>
            </a:r>
          </a:p>
        </p:txBody>
      </p:sp>
      <p:sp>
        <p:nvSpPr>
          <p:cNvPr id="11" name="Footer 3" descr="{&quot;templafy&quot;:{&quot;id&quot;:&quot;3ee91a32-c6fd-423b-9192-1da90a1ea3d4&quot;}}">
            <a:extLst>
              <a:ext uri="{FF2B5EF4-FFF2-40B4-BE49-F238E27FC236}">
                <a16:creationId xmlns:a16="http://schemas.microsoft.com/office/drawing/2014/main" id="{119D82D9-22CF-4A83-9435-1DA9519A1897}"/>
              </a:ext>
            </a:extLst>
          </p:cNvPr>
          <p:cNvSpPr/>
          <p:nvPr userDrawn="1"/>
        </p:nvSpPr>
        <p:spPr>
          <a:xfrm>
            <a:off x="3797201" y="6444000"/>
            <a:ext cx="7781135" cy="363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endParaRPr lang="de-CH" sz="1200" noProof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187A60C8-28BE-4B3A-BCC2-C1EB91D5B0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10654" y="6444000"/>
            <a:ext cx="371162" cy="365125"/>
          </a:xfrm>
          <a:prstGeom prst="rect">
            <a:avLst/>
          </a:prstGeom>
        </p:spPr>
        <p:txBody>
          <a:bodyPr vert="horz" lIns="36000" tIns="36000" rIns="36000" bIns="36000" rtlCol="0" anchor="ctr"/>
          <a:lstStyle>
            <a:lvl1pPr algn="r">
              <a:defRPr lang="en-GB" sz="1200" kern="1200" smtClean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</a:lstStyle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3" name="Text">
            <a:extLst>
              <a:ext uri="{FF2B5EF4-FFF2-40B4-BE49-F238E27FC236}">
                <a16:creationId xmlns:a16="http://schemas.microsoft.com/office/drawing/2014/main" id="{9B41C1E1-CEB7-486D-9162-CFFACABF07B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2" name="Titel">
            <a:extLst>
              <a:ext uri="{FF2B5EF4-FFF2-40B4-BE49-F238E27FC236}">
                <a16:creationId xmlns:a16="http://schemas.microsoft.com/office/drawing/2014/main" id="{789BBD91-FA68-409D-B381-32B864E692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1880" y="290873"/>
            <a:ext cx="10515600" cy="749575"/>
          </a:xfrm>
          <a:prstGeom prst="rect">
            <a:avLst/>
          </a:prstGeom>
        </p:spPr>
        <p:txBody>
          <a:bodyPr vert="horz" lIns="91440" tIns="90000" rIns="91440" bIns="45720" rtlCol="0" anchor="t">
            <a:noAutofit/>
          </a:bodyPr>
          <a:lstStyle/>
          <a:p>
            <a:r>
              <a:rPr lang="de-CH" noProof="0" dirty="0"/>
              <a:t>Titel </a:t>
            </a:r>
          </a:p>
        </p:txBody>
      </p:sp>
      <p:pic>
        <p:nvPicPr>
          <p:cNvPr id="1131702458" name="Logo" descr="{&quot;templafy&quot;:{&quot;id&quot;:&quot;47712950-42b8-4005-a00d-1ea4f47d59d5&quot;}}"/>
          <p:cNvPicPr>
            <a:picLocks noChangeAspect="1"/>
          </p:cNvPicPr>
          <p:nvPr/>
        </p:nvPicPr>
        <p:blipFill>
          <a:blip r:embed="rId27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  <p:cxnSp>
        <p:nvCxnSpPr>
          <p:cNvPr id="13" name="Red line">
            <a:extLst>
              <a:ext uri="{FF2B5EF4-FFF2-40B4-BE49-F238E27FC236}">
                <a16:creationId xmlns:a16="http://schemas.microsoft.com/office/drawing/2014/main" id="{ADA05145-5711-4522-8D2E-644F05000567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246595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714" r:id="rId2"/>
    <p:sldLayoutId id="2147483675" r:id="rId3"/>
    <p:sldLayoutId id="2147483715" r:id="rId4"/>
    <p:sldLayoutId id="2147483653" r:id="rId5"/>
    <p:sldLayoutId id="2147483717" r:id="rId6"/>
    <p:sldLayoutId id="2147483689" r:id="rId7"/>
    <p:sldLayoutId id="2147483719" r:id="rId8"/>
    <p:sldLayoutId id="2147483688" r:id="rId9"/>
    <p:sldLayoutId id="2147483720" r:id="rId10"/>
    <p:sldLayoutId id="2147483690" r:id="rId11"/>
    <p:sldLayoutId id="2147483703" r:id="rId12"/>
    <p:sldLayoutId id="2147483704" r:id="rId13"/>
    <p:sldLayoutId id="2147483705" r:id="rId14"/>
    <p:sldLayoutId id="2147483654" r:id="rId15"/>
    <p:sldLayoutId id="2147483706" r:id="rId16"/>
    <p:sldLayoutId id="2147483680" r:id="rId17"/>
    <p:sldLayoutId id="2147483678" r:id="rId18"/>
    <p:sldLayoutId id="2147483709" r:id="rId19"/>
    <p:sldLayoutId id="2147483710" r:id="rId20"/>
    <p:sldLayoutId id="2147483711" r:id="rId21"/>
    <p:sldLayoutId id="2147483712" r:id="rId22"/>
    <p:sldLayoutId id="2147483713" r:id="rId23"/>
    <p:sldLayoutId id="2147483718" r:id="rId24"/>
    <p:sldLayoutId id="2147483716" r:id="rId25"/>
  </p:sldLayoutIdLst>
  <p:hf sldNum="0"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200" kern="1200">
          <a:solidFill>
            <a:schemeClr val="accent6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000"/>
        </a:spcBef>
        <a:spcAft>
          <a:spcPts val="600"/>
        </a:spcAft>
        <a:buFont typeface="Courier New" panose="02070309020205020404" pitchFamily="49" charset="0"/>
        <a:buNone/>
        <a:defRPr sz="2600" kern="1200">
          <a:solidFill>
            <a:schemeClr val="tx1"/>
          </a:solidFill>
          <a:latin typeface="+mn-lt"/>
          <a:ea typeface="+mn-ea"/>
          <a:cs typeface="+mn-cs"/>
        </a:defRPr>
      </a:lvl1pPr>
      <a:lvl2pPr marL="32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Clr>
          <a:srgbClr val="FF0000"/>
        </a:buClr>
        <a:buFontTx/>
        <a:buChar char="‒"/>
        <a:defRPr sz="2600" kern="1200">
          <a:solidFill>
            <a:schemeClr val="tx1"/>
          </a:solidFill>
          <a:latin typeface="+mn-lt"/>
          <a:ea typeface="+mn-ea"/>
          <a:cs typeface="+mn-cs"/>
        </a:defRPr>
      </a:lvl2pPr>
      <a:lvl3pPr marL="68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3pPr>
      <a:lvl4pPr marL="1008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4pPr>
      <a:lvl5pPr marL="1332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7" Type="http://schemas.openxmlformats.org/officeDocument/2006/relationships/image" Target="../media/image9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Inhaltsplatzhalter 5">
            <a:extLst>
              <a:ext uri="{FF2B5EF4-FFF2-40B4-BE49-F238E27FC236}">
                <a16:creationId xmlns:a16="http://schemas.microsoft.com/office/drawing/2014/main" id="{6E26E78A-D6A7-77C5-EF9C-4619A2F8B3F0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5"/>
          <a:stretch>
            <a:fillRect/>
          </a:stretch>
        </p:blipFill>
        <p:spPr>
          <a:xfrm>
            <a:off x="7130147" y="1974273"/>
            <a:ext cx="4800599" cy="4800599"/>
          </a:xfrm>
        </p:spPr>
      </p:pic>
      <p:sp>
        <p:nvSpPr>
          <p:cNvPr id="8" name="Textplatzhalter 7">
            <a:extLst>
              <a:ext uri="{FF2B5EF4-FFF2-40B4-BE49-F238E27FC236}">
                <a16:creationId xmlns:a16="http://schemas.microsoft.com/office/drawing/2014/main" id="{C67857CB-8EB3-9DDC-4363-8A983DE1E6E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1069679" y="864677"/>
            <a:ext cx="10719550" cy="645821"/>
          </a:xfrm>
        </p:spPr>
        <p:txBody>
          <a:bodyPr/>
          <a:lstStyle/>
          <a:p>
            <a:r>
              <a:rPr lang="de-CH" sz="3750" dirty="0">
                <a:solidFill>
                  <a:srgbClr val="E6002E"/>
                </a:solidFill>
              </a:rPr>
              <a:t>Die App für Studium, Menüpläne, Sport und mehr.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3D060B9E-FEB0-F73A-54B3-7B0AAECD47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UniBE Mobile – jetzt downloaden </a:t>
            </a:r>
          </a:p>
        </p:txBody>
      </p:sp>
      <p:pic>
        <p:nvPicPr>
          <p:cNvPr id="18" name="Grafik 17">
            <a:extLst>
              <a:ext uri="{FF2B5EF4-FFF2-40B4-BE49-F238E27FC236}">
                <a16:creationId xmlns:a16="http://schemas.microsoft.com/office/drawing/2014/main" id="{80695AE4-00D6-E6BE-5732-855E34EF854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59654" y="363004"/>
            <a:ext cx="798172" cy="818958"/>
          </a:xfrm>
          <a:prstGeom prst="rect">
            <a:avLst/>
          </a:prstGeom>
        </p:spPr>
      </p:pic>
      <p:pic>
        <p:nvPicPr>
          <p:cNvPr id="13" name="Grafik 12" descr="Ein Bild, das Handy, tragbares Kommunikationsgerät, Kommunikationsgerät, mobiles Gerät enthält.&#10;&#10;Automatisch generierte Beschreibung">
            <a:extLst>
              <a:ext uri="{FF2B5EF4-FFF2-40B4-BE49-F238E27FC236}">
                <a16:creationId xmlns:a16="http://schemas.microsoft.com/office/drawing/2014/main" id="{5F130F0C-ECD7-2291-7796-94A5A7BC010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2548" y="2252394"/>
            <a:ext cx="6600307" cy="4569006"/>
          </a:xfrm>
          <a:prstGeom prst="rect">
            <a:avLst/>
          </a:prstGeom>
        </p:spPr>
      </p:pic>
      <p:pic>
        <p:nvPicPr>
          <p:cNvPr id="15" name="Inhaltsplatzhalter 5">
            <a:extLst>
              <a:ext uri="{FF2B5EF4-FFF2-40B4-BE49-F238E27FC236}">
                <a16:creationId xmlns:a16="http://schemas.microsoft.com/office/drawing/2014/main" id="{8EFCEE91-B64F-39A8-82D2-E778DC350D7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 rot="20522123">
            <a:off x="4578712" y="3998483"/>
            <a:ext cx="1358825" cy="135882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0787838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Responsible TimeSlot Duration SlideNumber"/>
</p:tagLst>
</file>

<file path=ppt/theme/theme1.xml><?xml version="1.0" encoding="utf-8"?>
<a:theme xmlns:a="http://schemas.openxmlformats.org/drawingml/2006/main" name="Universität Bern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University of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7910471548509700","enableDocumentContentUpdater":true,"version":"1.13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51ee3631-b7e5-42aa-9194-ba4f67044a1a" xsi:nil="true"/>
    <lcf76f155ced4ddcb4097134ff3c332f xmlns="f8253b34-8cc0-4255-8e21-db3c71b2cb0a">
      <Terms xmlns="http://schemas.microsoft.com/office/infopath/2007/PartnerControls"/>
    </lcf76f155ced4ddcb4097134ff3c332f>
  </documentManagement>
</p:properties>
</file>

<file path=customXml/item12.xml><?xml version="1.0" encoding="utf-8"?>
<TemplafySlideTemplateConfiguration><![CDATA[{"slideVersion":0,"isValidatorEnabled":false,"isLocked":false,"elementsMetadata":[],"slideId":"637914799455241930","enableDocumentContentUpdater":true,"version":"1.13"}]]></TemplafySlideTemplateConfiguration>
</file>

<file path=customXml/item13.xml><?xml version="1.0" encoding="utf-8"?>
<TemplafySlideTemplateConfiguration><![CDATA[{"slideVersion":0,"isValidatorEnabled":false,"isLocked":false,"elementsMetadata":[],"slideId":"637934628939598277","enableDocumentContentUpdater":true,"version":"1.13"}]]></TemplafySlideTemplateConfiguration>
</file>

<file path=customXml/item14.xml><?xml version="1.0" encoding="utf-8"?>
<TemplafySlideTemplateConfiguration><![CDATA[{"slideVersion":0,"isValidatorEnabled":false,"isLocked":false,"elementsMetadata":[],"slideId":"637914799455398208","enableDocumentContentUpdater":true,"version":"1.13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TemplateConfiguration><![CDATA[{"elementsMetadata":[{"type":"shape","id":"113552a7-303e-4069-8878-0c2c4f7d20a4","elementConfiguration":{"templateBinding":"Universität Bern, {{UserProfile.SubInstitution}}","disableUpdates":false,"type":"text"}},{"type":"shape","id":"3ee91a32-c6fd-423b-9192-1da90a1ea3d4","elementConfiguration":{"binding":"Form.Footer","visibility":{"action":"hide","binding":"Form.FooterChoice.Choice","operator":"equals","compareValue":"Institut"},"disableUpdates":false,"type":"text"}},{"type":"shape","id":"a5354835-714c-446c-93df-81f257d1a73f","elementConfiguration":{"format":"{{DateFormats.CustomA}}","binding":"Form.Date","disableUpdates":false,"type":"date"}},{"type":"shape","id":"47712950-42b8-4005-a00d-1ea4f47d59d5","elementConfiguration":{"inheritDimensions":"inheritNone","width":"{{Form.Logo.LogoPPTSmallWidth}}","height":"{{Form.Logo.LogoPPTSmallHeight}}","binding":"Form.Logo.LogoPPTSmall","disableUpdates":false,"type":"image"}},{"type":"shape","id":"85bb6f07-f461-48b8-9f34-01694ea2ff52","elementConfiguration":{"binding":"Form.Footer","visibility":{"action":"hide","binding":"Form.FooterChoice.Choice","operator":"equals","compareValue":"Institut"},"disableUpdates":false,"type":"text"}},{"type":"shape","id":"3067a2a6-bce8-475b-b071-b96cf7baf9c9","elementConfiguration":{"templateBinding":"Universität Bern, {{UserProfile.SubInstitution}}","disableUpdates":false,"type":"text"}},{"type":"shape","id":"47ce9b7c-bc90-40d6-8f07-2296e3bf487a","elementConfiguration":{"format":"{{DateFormats.CustomA}}","binding":"Form.Date","disableUpdates":false,"type":"date"}},{"type":"shape","id":"42c90eaf-355a-4099-87f4-aecdb7e6ddd0","elementConfiguration":{"inheritDimensions":"inheritNone","width":"{{Form.Logo.LogoPPTSmallWidth}}","height":"{{Form.Logo.LogoPPTSmallHeight}}","binding":"Form.Logo.LogoPPTSmallWhite","disableUpdates":false,"type":"image"}},{"type":"shape","id":"440f04e6-e256-4afc-8d4b-365687e93926","elementConfiguration":{"inheritDimensions":"inheritNone","width":"{{Form.Logo.LogoPPT_Width2}}","height":"{{Form.Logo.LogoPPT_Height2}}","binding":"Form.Logo.LogoPPTBlack","disableUpdates":false,"type":"image"}},{"type":"shape","id":"07d68ae5-cf52-4914-a842-3f073b0e1682","elementConfiguration":{"templateBinding":"{{UserProfile.FirstName}} {{UserProfile.LastName}}, {{UserProfile.Description}}","disableUpdates":false,"type":"text"}},{"type":"shape","id":"258ffc36-c6d1-46a2-a475-7669653400b1","elementConfiguration":{"inheritDimensions":"inheritNone","width":"{{Form.Logo.LogoPPTWidth}}","height":"{{Form.Logo.LogoPPTHeight}}","binding":"Form.Logo.LogoPPT","disableUpdates":false,"type":"image"}},{"type":"shape","id":"f24db079-637e-4dc1-81bf-d05bcb144d9a","elementConfiguration":{"inheritDimensions":"inheritNone","width":"{{Form.Logo.LogoPPTSmallWidth}}","height":"{{Form.Logo.LogoPPTSmallHeight}}","binding":"Form.Logo.LogoPPTSmall","disableUpdates":false,"type":"image"}},{"type":"shape","id":"f933fdc6-a700-4322-a246-7507d26794e7","elementConfiguration":{"inheritDimensions":"inheritNone","width":"{{Form.Logo.LogoPPT_Width2}}","height":"{{Form.Logo.LogoPPT_Height2}}","binding":"Form.Logo.LogoPPT_White","disableUpdates":false,"type":"image"}},{"type":"shape","id":"28448f9e-1336-4f41-a59c-306a30280e2a","elementConfiguration":{"templateBinding":"{{UserProfile.FirstName}} {{UserProfile.LastName}}, {{UserProfile.Description}}","disableUpdates":false,"type":"text"}},{"type":"shape","id":"2037cf80-1f24-4b02-ae7c-75a4c93b8d3e","elementConfiguration":{"binding":"UserProfile.Phone","disableUpdates":false,"type":"text"}},{"type":"shape","id":"3d293a26-94c6-45b3-983a-569907addab2","elementConfiguration":{"binding":"UserProfile.Emailaddress","disableUpdates":false,"type":"text"}},{"type":"shape","id":"7bcb373c-f2fa-462c-a024-3493e6e46b2f","elementConfiguration":{"binding":"UserProfile.Description","disableUpdates":false,"type":"text"}},{"type":"shape","id":"7cfa808a-a4f7-4303-9b35-6c5c5fa010e9","elementConfiguration":{"templateBinding":"{{UserProfile.FirstName}} {{UserProfile.LastName}}","disableUpdates":false,"type":"text"}},{"type":"shape","id":"a1e9314b-96c1-47e4-9265-88c6174a2835","elementConfiguration":{"binding":"UserProfile.Titel","disableUpdates":false,"type":"text"}},{"type":"shape","id":"2a85a4a5-1bd7-4c4d-b22d-e73c583ae200","elementConfiguration":{"inheritDimensions":"inheritNone","width":"{{Form.Logo.LogoPPT_Width2}}","height":"{{Form.Logo.LogoPPT_Height2}}","binding":"Form.Logo.LogoPPT_White","disableUpdates":false,"type":"image"}},{"type":"shape","id":"3cc540ab-70ee-4d9a-b023-186ed332cf64","elementConfiguration":{"templateBinding":"{{UserProfile.FirstName}} {{UserProfile.LastName}}, {{UserProfile.Description}}","disableUpdates":false,"type":"text"}},{"type":"shape","id":"2a350119-17d7-4183-8d22-2d89542a8fdd","elementConfiguration":{"templateBinding":"Universität Bern, {{UserProfile.SubInstitution}}","disableUpdates":false,"type":"text"}},{"type":"shape","id":"04f25842-b2ce-4498-86ea-6048069ee5c4","elementConfiguration":{"binding":"Form.Footer","visibility":{"action":"hide","binding":"Form.FooterChoice.Choice","operator":"equals","compareValue":"Institut"},"disableUpdates":false,"type":"text"}},{"type":"shape","id":"e1de4f12-4be5-4255-b193-1d98585a862d","elementConfiguration":{"format":"{{DateFormats.CustomA}}","binding":"Form.Date","disableUpdates":false,"type":"date"}},{"type":"shape","id":"76a816d5-bfef-4c73-a8d4-95bdb664b96d","elementConfiguration":{"inheritDimensions":"inheritNone","width":"{{Form.Logo.LogoPPTSmallWidth}}","height":"{{Form.Logo.LogoPPTSmallHeight}}","binding":"Form.Logo.LogoPPTSmallWhite","disableUpdates":false,"type":"image"}}],"transformationConfigurations":[],"templateName":"","templateDescription":"","enableDocumentContentUpdater":true,"version":"1.13"}]]></TemplafyTemplateConfiguration>
</file>

<file path=customXml/item1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9.xml><?xml version="1.0" encoding="utf-8"?>
<TemplafySlideTemplateConfiguration><![CDATA[{"slideVersion":0,"isValidatorEnabled":false,"isLocked":false,"elementsMetadata":[],"slideId":"637914799454929334","enableDocumentContentUpdater":true,"version":"1.1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true,"helpTexts":{"prefix":"","postfix":""},"spacing":{},"type":"datePicker","name":"Date","label":"Datum","fullyQualifiedName":"Date"},{"dataSource":"PowerPoint Footer Choice","displayColumn":"choice","hideIfNoUserInteractionRequired":false,"distinct":true,"required":true,"autoSelectFirstOption":false,"helpTexts":{"prefix":"","postfix":""},"spacing":{},"type":"dropDown","name":"FooterChoice","label":"Inhalt der Fußzeile","fullyQualifiedName":"FooterChoice"},{"required":false,"placeholder":"","lines":0,"helpTexts":{"prefix":"","postfix":""},"spacing":{},"type":"textBox","name":"Footer","label":"Fußzeile","fullyQualifiedName":"Footer"},{"dataSource":"LogoPowerPoint","displayColumn":"id","hideIfNoUserInteractionRequired":true,"distinct":true,"required":false,"autoSelectFirstOption":true,"helpTexts":{"prefix":"","postfix":""},"spacing":{},"type":"dropDown","name":"Logo","label":"Logo","fullyQualifiedName":"Logo"}],"formDataEntries":[{"name":"Date","value":"g7WEEpMlxYhXCZK6mT3PLQ=="},{"name":"FooterChoice","value":"Z2eF3iymXGQicZCtNG1OaA=="},{"name":"Logo","value":"Z2eF3iymXGQicZCtNG1OaA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EF818CDE904C6B4FB173BE293B11534D" ma:contentTypeVersion="13" ma:contentTypeDescription="Ein neues Dokument erstellen." ma:contentTypeScope="" ma:versionID="6aa560fb54b30958cc5be5387706caea">
  <xsd:schema xmlns:xsd="http://www.w3.org/2001/XMLSchema" xmlns:xs="http://www.w3.org/2001/XMLSchema" xmlns:p="http://schemas.microsoft.com/office/2006/metadata/properties" xmlns:ns2="51ee3631-b7e5-42aa-9194-ba4f67044a1a" xmlns:ns3="f8253b34-8cc0-4255-8e21-db3c71b2cb0a" targetNamespace="http://schemas.microsoft.com/office/2006/metadata/properties" ma:root="true" ma:fieldsID="79ae9971f585a940e33ef621d1f58202" ns2:_="" ns3:_="">
    <xsd:import namespace="51ee3631-b7e5-42aa-9194-ba4f67044a1a"/>
    <xsd:import namespace="f8253b34-8cc0-4255-8e21-db3c71b2cb0a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LengthInSeconds" minOccurs="0"/>
                <xsd:element ref="ns3:lcf76f155ced4ddcb4097134ff3c332f" minOccurs="0"/>
                <xsd:element ref="ns2:TaxCatchAll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1ee3631-b7e5-42aa-9194-ba4f67044a1a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77f21fe-4464-4507-a660-4782640b7cbd}" ma:internalName="TaxCatchAll" ma:showField="CatchAllData" ma:web="51ee3631-b7e5-42aa-9194-ba4f67044a1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8253b34-8cc0-4255-8e21-db3c71b2cb0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5" nillable="true" ma:taxonomy="true" ma:internalName="lcf76f155ced4ddcb4097134ff3c332f" ma:taxonomyFieldName="MediaServiceImageTags" ma:displayName="Bildmarkierungen" ma:readOnly="false" ma:fieldId="{5cf76f15-5ced-4ddc-b409-7134ff3c332f}" ma:taxonomyMulti="true" ma:sspId="a84686df-39cf-4bac-acb0-1572f53f1b5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9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ObjectDetectorVersions" ma:index="20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7910471548197205","enableDocumentContentUpdater":true,"version":"1.13"}]]></TemplafySlideTemplateConfiguration>
</file>

<file path=customXml/item9.xml><?xml version="1.0" encoding="utf-8"?>
<TemplafySlideTemplateConfiguration><![CDATA[{"slideVersion":0,"isValidatorEnabled":false,"isLocked":false,"elementsMetadata":[],"slideId":"637910471548040951","enableDocumentContentUpdater":true,"version":"1.13"}]]></TemplafySlideTemplateConfiguration>
</file>

<file path=customXml/itemProps1.xml><?xml version="1.0" encoding="utf-8"?>
<ds:datastoreItem xmlns:ds="http://schemas.openxmlformats.org/officeDocument/2006/customXml" ds:itemID="{7120D989-3C83-431F-A31F-A844B2206163}">
  <ds:schemaRefs/>
</ds:datastoreItem>
</file>

<file path=customXml/itemProps10.xml><?xml version="1.0" encoding="utf-8"?>
<ds:datastoreItem xmlns:ds="http://schemas.openxmlformats.org/officeDocument/2006/customXml" ds:itemID="{E62EA67E-193E-47B5-B597-2071FBFE882B}">
  <ds:schemaRefs/>
</ds:datastoreItem>
</file>

<file path=customXml/itemProps11.xml><?xml version="1.0" encoding="utf-8"?>
<ds:datastoreItem xmlns:ds="http://schemas.openxmlformats.org/officeDocument/2006/customXml" ds:itemID="{A6C44B17-4605-4067-96ED-FF226EBEF076}">
  <ds:schemaRefs>
    <ds:schemaRef ds:uri="http://purl.org/dc/dcmitype/"/>
    <ds:schemaRef ds:uri="http://schemas.openxmlformats.org/package/2006/metadata/core-properties"/>
    <ds:schemaRef ds:uri="http://schemas.microsoft.com/sharepoint/v3"/>
    <ds:schemaRef ds:uri="http://schemas.microsoft.com/office/2006/documentManagement/types"/>
    <ds:schemaRef ds:uri="22a3f1e7-1ad8-4567-967d-700183da1d1b"/>
    <ds:schemaRef ds:uri="http://www.w3.org/XML/1998/namespace"/>
    <ds:schemaRef ds:uri="http://purl.org/dc/elements/1.1/"/>
    <ds:schemaRef ds:uri="http://purl.org/dc/terms/"/>
    <ds:schemaRef ds:uri="http://schemas.microsoft.com/office/infopath/2007/PartnerControls"/>
    <ds:schemaRef ds:uri="aacb7df8-672f-46f2-977f-893ce5cef86b"/>
    <ds:schemaRef ds:uri="http://schemas.microsoft.com/office/2006/metadata/properties"/>
    <ds:schemaRef ds:uri="51ee3631-b7e5-42aa-9194-ba4f67044a1a"/>
    <ds:schemaRef ds:uri="f8253b34-8cc0-4255-8e21-db3c71b2cb0a"/>
  </ds:schemaRefs>
</ds:datastoreItem>
</file>

<file path=customXml/itemProps12.xml><?xml version="1.0" encoding="utf-8"?>
<ds:datastoreItem xmlns:ds="http://schemas.openxmlformats.org/officeDocument/2006/customXml" ds:itemID="{B8F3DA6E-92E6-4653-A966-21B1D6F1BC03}">
  <ds:schemaRefs/>
</ds:datastoreItem>
</file>

<file path=customXml/itemProps13.xml><?xml version="1.0" encoding="utf-8"?>
<ds:datastoreItem xmlns:ds="http://schemas.openxmlformats.org/officeDocument/2006/customXml" ds:itemID="{61FAF4AF-DBC9-42E4-BF71-3F82A609A139}">
  <ds:schemaRefs/>
</ds:datastoreItem>
</file>

<file path=customXml/itemProps14.xml><?xml version="1.0" encoding="utf-8"?>
<ds:datastoreItem xmlns:ds="http://schemas.openxmlformats.org/officeDocument/2006/customXml" ds:itemID="{963A5401-B5BA-4BF8-A30E-6E2A6E9297A7}">
  <ds:schemaRefs/>
</ds:datastoreItem>
</file>

<file path=customXml/itemProps15.xml><?xml version="1.0" encoding="utf-8"?>
<ds:datastoreItem xmlns:ds="http://schemas.openxmlformats.org/officeDocument/2006/customXml" ds:itemID="{07FFDB42-EB20-4CC7-97A5-3E45069361FF}">
  <ds:schemaRefs/>
</ds:datastoreItem>
</file>

<file path=customXml/itemProps16.xml><?xml version="1.0" encoding="utf-8"?>
<ds:datastoreItem xmlns:ds="http://schemas.openxmlformats.org/officeDocument/2006/customXml" ds:itemID="{04723C16-F864-456D-9504-001C0D4533D4}">
  <ds:schemaRefs/>
</ds:datastoreItem>
</file>

<file path=customXml/itemProps17.xml><?xml version="1.0" encoding="utf-8"?>
<ds:datastoreItem xmlns:ds="http://schemas.openxmlformats.org/officeDocument/2006/customXml" ds:itemID="{DE2D74B5-7003-498A-9B48-261A6C907E88}">
  <ds:schemaRefs/>
</ds:datastoreItem>
</file>

<file path=customXml/itemProps18.xml><?xml version="1.0" encoding="utf-8"?>
<ds:datastoreItem xmlns:ds="http://schemas.openxmlformats.org/officeDocument/2006/customXml" ds:itemID="{CA0C02DB-13BD-4C70-A36C-4E0C1B4A713E}">
  <ds:schemaRefs>
    <ds:schemaRef ds:uri="http://schemas.microsoft.com/sharepoint/v3/contenttype/forms"/>
  </ds:schemaRefs>
</ds:datastoreItem>
</file>

<file path=customXml/itemProps19.xml><?xml version="1.0" encoding="utf-8"?>
<ds:datastoreItem xmlns:ds="http://schemas.openxmlformats.org/officeDocument/2006/customXml" ds:itemID="{84E839F1-E1D2-4A6A-8B5B-76E87D8BC3DE}">
  <ds:schemaRefs/>
</ds:datastoreItem>
</file>

<file path=customXml/itemProps2.xml><?xml version="1.0" encoding="utf-8"?>
<ds:datastoreItem xmlns:ds="http://schemas.openxmlformats.org/officeDocument/2006/customXml" ds:itemID="{2511B040-502F-4087-AE33-8BF5F823DAAC}">
  <ds:schemaRefs/>
</ds:datastoreItem>
</file>

<file path=customXml/itemProps3.xml><?xml version="1.0" encoding="utf-8"?>
<ds:datastoreItem xmlns:ds="http://schemas.openxmlformats.org/officeDocument/2006/customXml" ds:itemID="{47ADF2E6-B50F-4DE1-A131-96CA45901A5A}">
  <ds:schemaRefs/>
</ds:datastoreItem>
</file>

<file path=customXml/itemProps4.xml><?xml version="1.0" encoding="utf-8"?>
<ds:datastoreItem xmlns:ds="http://schemas.openxmlformats.org/officeDocument/2006/customXml" ds:itemID="{F6F60DA4-B48E-4AC5-BEB5-DA3265DA113C}">
  <ds:schemaRefs/>
</ds:datastoreItem>
</file>

<file path=customXml/itemProps5.xml><?xml version="1.0" encoding="utf-8"?>
<ds:datastoreItem xmlns:ds="http://schemas.openxmlformats.org/officeDocument/2006/customXml" ds:itemID="{78A635D6-24DE-4E4E-891A-B64BF2850905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1ee3631-b7e5-42aa-9194-ba4f67044a1a"/>
    <ds:schemaRef ds:uri="f8253b34-8cc0-4255-8e21-db3c71b2cb0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0A848CE1-37C1-4AFE-93DF-8CF156D4FC8E}">
  <ds:schemaRefs/>
</ds:datastoreItem>
</file>

<file path=customXml/itemProps7.xml><?xml version="1.0" encoding="utf-8"?>
<ds:datastoreItem xmlns:ds="http://schemas.openxmlformats.org/officeDocument/2006/customXml" ds:itemID="{622A4087-5A42-4CA4-836F-B606A007B001}">
  <ds:schemaRefs/>
</ds:datastoreItem>
</file>

<file path=customXml/itemProps8.xml><?xml version="1.0" encoding="utf-8"?>
<ds:datastoreItem xmlns:ds="http://schemas.openxmlformats.org/officeDocument/2006/customXml" ds:itemID="{D3CCB4CD-9FBA-4673-82C4-1275D7A40D99}">
  <ds:schemaRefs/>
</ds:datastoreItem>
</file>

<file path=customXml/itemProps9.xml><?xml version="1.0" encoding="utf-8"?>
<ds:datastoreItem xmlns:ds="http://schemas.openxmlformats.org/officeDocument/2006/customXml" ds:itemID="{EBCC1A41-2D6D-4E11-856A-CDE480C4939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ffice Theme</Template>
  <TotalTime>0</TotalTime>
  <Words>17</Words>
  <Application>Microsoft Office PowerPoint</Application>
  <PresentationFormat>Breitbild</PresentationFormat>
  <Paragraphs>3</Paragraphs>
  <Slides>1</Slides>
  <Notes>1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4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1</vt:i4>
      </vt:variant>
    </vt:vector>
  </HeadingPairs>
  <TitlesOfParts>
    <vt:vector size="6" baseType="lpstr">
      <vt:lpstr>Arial</vt:lpstr>
      <vt:lpstr>ArialMT</vt:lpstr>
      <vt:lpstr>Calibri</vt:lpstr>
      <vt:lpstr>Courier New</vt:lpstr>
      <vt:lpstr>Universität Bern</vt:lpstr>
      <vt:lpstr>UniBE Mobile – jetzt downloaden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äsentationsvorlage</dc:title>
  <dc:creator>Zwahlen, Ulrich (KOMM)</dc:creator>
  <cp:lastModifiedBy>Zwahlen, Ulrich (KOMM)</cp:lastModifiedBy>
  <cp:revision>4</cp:revision>
  <dcterms:created xsi:type="dcterms:W3CDTF">2021-06-23T10:14:30Z</dcterms:created>
  <dcterms:modified xsi:type="dcterms:W3CDTF">2023-08-23T14:26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EF818CDE904C6B4FB173BE293B11534D</vt:lpwstr>
  </property>
  <property fmtid="{D5CDD505-2E9C-101B-9397-08002B2CF9AE}" pid="3" name="TemplafyTimeStamp">
    <vt:lpwstr>2022-11-02T11:19:41.1116007Z</vt:lpwstr>
  </property>
  <property fmtid="{D5CDD505-2E9C-101B-9397-08002B2CF9AE}" pid="4" name="TemplafyTenantId">
    <vt:lpwstr>unibern</vt:lpwstr>
  </property>
  <property fmtid="{D5CDD505-2E9C-101B-9397-08002B2CF9AE}" pid="5" name="TemplafyTemplateId">
    <vt:lpwstr>637890772301291048</vt:lpwstr>
  </property>
  <property fmtid="{D5CDD505-2E9C-101B-9397-08002B2CF9AE}" pid="6" name="TemplafyUserProfileId">
    <vt:lpwstr>638064551242845125</vt:lpwstr>
  </property>
  <property fmtid="{D5CDD505-2E9C-101B-9397-08002B2CF9AE}" pid="7" name="TemplafyLanguageCode">
    <vt:lpwstr>de-DE</vt:lpwstr>
  </property>
</Properties>
</file>